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30\"/>
    </mc:Choice>
  </mc:AlternateContent>
  <xr:revisionPtr revIDLastSave="0" documentId="13_ncr:1_{19B8B933-6432-422A-85A4-360E80B7D20A}" xr6:coauthVersionLast="47" xr6:coauthVersionMax="47" xr10:uidLastSave="{00000000-0000-0000-0000-000000000000}"/>
  <bookViews>
    <workbookView xWindow="-120" yWindow="-120" windowWidth="29040" windowHeight="15840" xr2:uid="{E341DAAD-4970-4696-98CE-5CB80B89A70D}"/>
  </bookViews>
  <sheets>
    <sheet name="23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0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0" uniqueCount="31">
  <si>
    <t>名称№２３０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廃棄物処理（４）</t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廃油（油水系）</t>
  </si>
  <si>
    <t>収集運搬及び処分</t>
  </si>
  <si>
    <t>Ｌ</t>
  </si>
  <si>
    <t>廃油（グリス系）</t>
  </si>
  <si>
    <t>廃油（シンナー系）</t>
  </si>
  <si>
    <t>廃油（ギヤ油系）</t>
  </si>
  <si>
    <t>廃油（洗い油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4E3E037C-CB2C-4AFB-B2AD-9235AF4903CE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C1915D-CED7-472F-888E-CB01A06A921B}">
  <sheetPr>
    <tabColor indexed="57"/>
  </sheetPr>
  <dimension ref="A1:K57"/>
  <sheetViews>
    <sheetView showZeros="0" tabSelected="1" view="pageBreakPreview" zoomScale="85" zoomScaleNormal="100" zoomScaleSheetLayoutView="85" workbookViewId="0">
      <selection activeCell="K11" sqref="K11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1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1" ht="6.75" customHeight="1" x14ac:dyDescent="0.15">
      <c r="B2" s="6"/>
      <c r="C2" s="6"/>
      <c r="D2" s="7"/>
      <c r="E2" s="7"/>
      <c r="F2" s="8"/>
      <c r="G2" s="7"/>
      <c r="H2" s="7"/>
    </row>
    <row r="3" spans="1:11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1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1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  <c r="K5" s="13"/>
    </row>
    <row r="6" spans="1:11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1" ht="36.75" customHeight="1" x14ac:dyDescent="0.15">
      <c r="A7" s="15"/>
      <c r="B7" s="67" t="s">
        <v>5</v>
      </c>
      <c r="C7" s="67"/>
      <c r="D7" s="67"/>
    </row>
    <row r="8" spans="1:11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1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23800</v>
      </c>
      <c r="G9" s="26"/>
      <c r="H9" s="27"/>
    </row>
    <row r="10" spans="1:11" ht="24.95" customHeight="1" x14ac:dyDescent="0.15">
      <c r="A10" s="20">
        <v>2</v>
      </c>
      <c r="B10" s="28" t="s">
        <v>15</v>
      </c>
      <c r="C10" s="29">
        <v>1</v>
      </c>
      <c r="D10" s="30" t="s">
        <v>13</v>
      </c>
      <c r="E10" s="31" t="s">
        <v>14</v>
      </c>
      <c r="F10" s="25">
        <v>2460</v>
      </c>
      <c r="G10" s="32"/>
      <c r="H10" s="27"/>
    </row>
    <row r="11" spans="1:11" ht="24.95" customHeight="1" x14ac:dyDescent="0.15">
      <c r="A11" s="20">
        <v>3</v>
      </c>
      <c r="B11" s="28" t="s">
        <v>16</v>
      </c>
      <c r="C11" s="29">
        <v>1</v>
      </c>
      <c r="D11" s="30" t="s">
        <v>13</v>
      </c>
      <c r="E11" s="31" t="s">
        <v>14</v>
      </c>
      <c r="F11" s="25">
        <v>160</v>
      </c>
      <c r="G11" s="32"/>
      <c r="H11" s="27"/>
    </row>
    <row r="12" spans="1:11" ht="24.95" customHeight="1" x14ac:dyDescent="0.15">
      <c r="A12" s="20">
        <v>4</v>
      </c>
      <c r="B12" s="28" t="s">
        <v>17</v>
      </c>
      <c r="C12" s="29">
        <v>1</v>
      </c>
      <c r="D12" s="30" t="s">
        <v>13</v>
      </c>
      <c r="E12" s="31" t="s">
        <v>14</v>
      </c>
      <c r="F12" s="25">
        <v>6100</v>
      </c>
      <c r="G12" s="32"/>
      <c r="H12" s="27"/>
    </row>
    <row r="13" spans="1:11" ht="24.95" customHeight="1" x14ac:dyDescent="0.15">
      <c r="A13" s="33">
        <v>5</v>
      </c>
      <c r="B13" s="34" t="s">
        <v>18</v>
      </c>
      <c r="C13" s="33">
        <v>1</v>
      </c>
      <c r="D13" s="35" t="s">
        <v>13</v>
      </c>
      <c r="E13" s="36" t="s">
        <v>14</v>
      </c>
      <c r="F13" s="37">
        <v>19000</v>
      </c>
      <c r="G13" s="38"/>
      <c r="H13" s="39"/>
    </row>
    <row r="14" spans="1:11" ht="24.95" customHeight="1" x14ac:dyDescent="0.15">
      <c r="A14" s="20"/>
      <c r="B14" s="40"/>
      <c r="C14" s="20"/>
      <c r="D14" s="41"/>
      <c r="E14" s="42"/>
      <c r="F14" s="43"/>
      <c r="G14" s="44"/>
      <c r="H14" s="45"/>
    </row>
    <row r="15" spans="1:11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1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19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20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21</v>
      </c>
      <c r="H42" s="56"/>
    </row>
    <row r="43" spans="1:8" ht="20.100000000000001" customHeight="1" x14ac:dyDescent="0.15">
      <c r="A43" s="56"/>
      <c r="B43" s="56" t="s">
        <v>22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3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4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5</v>
      </c>
      <c r="E46" s="56"/>
      <c r="F46" s="56"/>
      <c r="G46" s="56"/>
      <c r="H46" s="57" t="s">
        <v>26</v>
      </c>
    </row>
    <row r="47" spans="1:8" ht="20.100000000000001" customHeight="1" x14ac:dyDescent="0.15">
      <c r="A47" s="56"/>
      <c r="B47" s="56"/>
      <c r="C47" s="56"/>
      <c r="D47" s="57" t="s">
        <v>27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8</v>
      </c>
      <c r="E49" s="56"/>
      <c r="F49" s="59"/>
      <c r="G49" s="56"/>
      <c r="H49" s="57" t="s">
        <v>26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29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30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0</vt:lpstr>
      <vt:lpstr>'23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5:29Z</dcterms:created>
  <dcterms:modified xsi:type="dcterms:W3CDTF">2023-02-22T05:00:31Z</dcterms:modified>
</cp:coreProperties>
</file>